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\\toyama-city.local\09福祉保健部\0920長寿福祉\s1\長寿福祉課各係\介護予防推進係\101高齢者生きがい対策事業\老人クラブ・市老連\○単位老人クラブ補助金\R8\00_発送業務\03_市HP掲載\"/>
    </mc:Choice>
  </mc:AlternateContent>
  <xr:revisionPtr revIDLastSave="0" documentId="13_ncr:1_{343EAEB5-8833-44A8-B32F-AC426C5EA31D}" xr6:coauthVersionLast="47" xr6:coauthVersionMax="47" xr10:uidLastSave="{00000000-0000-0000-0000-000000000000}"/>
  <bookViews>
    <workbookView xWindow="390" yWindow="390" windowWidth="21600" windowHeight="11295" xr2:uid="{00000000-000D-0000-FFFF-FFFF00000000}"/>
  </bookViews>
  <sheets>
    <sheet name="名簿" sheetId="2" r:id="rId1"/>
  </sheets>
  <definedNames>
    <definedName name="_xlnm.Print_Area" localSheetId="0">名簿!$A$1:$F$7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140" uniqueCount="10">
  <si>
    <t>№</t>
  </si>
  <si>
    <t>『氏名、性別』が分かれば他の様式でも可。</t>
  </si>
  <si>
    <t>男・女</t>
  </si>
  <si>
    <t>氏名</t>
  </si>
  <si>
    <t>性別</t>
  </si>
  <si>
    <t>No.1</t>
  </si>
  <si>
    <r>
      <t>様式第３号（第７条関係）　</t>
    </r>
    <r>
      <rPr>
        <sz val="16"/>
        <color theme="1"/>
        <rFont val="BIZ UD明朝 Medium"/>
        <family val="1"/>
        <charset val="128"/>
      </rPr>
      <t>令和８年度　会員名簿　</t>
    </r>
    <rPh sb="13" eb="15">
      <t>レイワ</t>
    </rPh>
    <phoneticPr fontId="18"/>
  </si>
  <si>
    <r>
      <t>・満60歳以上(４月１日現在)の役員を含めた会員の方をご記入ください。</t>
    </r>
    <r>
      <rPr>
        <sz val="11"/>
        <color theme="1"/>
        <rFont val="BIZ UD明朝 Medium"/>
        <family val="1"/>
        <charset val="128"/>
      </rPr>
      <t xml:space="preserve">        </t>
    </r>
  </si>
  <si>
    <r>
      <t>様式第３号の２（第７条関係）　</t>
    </r>
    <r>
      <rPr>
        <sz val="16"/>
        <color theme="1"/>
        <rFont val="BIZ UD明朝 Medium"/>
        <family val="1"/>
        <charset val="128"/>
      </rPr>
      <t>令和８年度　会員名簿　</t>
    </r>
    <rPh sb="15" eb="17">
      <t>レイワ</t>
    </rPh>
    <phoneticPr fontId="18"/>
  </si>
  <si>
    <t>No.2</t>
    <phoneticPr fontId="1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6" x14ac:knownFonts="1">
    <font>
      <sz val="11"/>
      <color theme="1"/>
      <name val="ＭＳ Ｐゴシック"/>
      <family val="3"/>
      <scheme val="minor"/>
    </font>
    <font>
      <sz val="11"/>
      <color theme="1"/>
      <name val="ＭＳ Ｐゴシック"/>
      <family val="3"/>
      <scheme val="minor"/>
    </font>
    <font>
      <sz val="11"/>
      <color theme="0"/>
      <name val="ＭＳ Ｐゴシック"/>
      <family val="2"/>
      <scheme val="minor"/>
    </font>
    <font>
      <sz val="11"/>
      <color rgb="FF9C6500"/>
      <name val="ＭＳ Ｐゴシック"/>
      <family val="2"/>
      <scheme val="minor"/>
    </font>
    <font>
      <sz val="18"/>
      <color theme="3"/>
      <name val="ＭＳ Ｐゴシック"/>
      <family val="2"/>
      <scheme val="major"/>
    </font>
    <font>
      <b/>
      <sz val="11"/>
      <color theme="0"/>
      <name val="ＭＳ Ｐゴシック"/>
      <family val="2"/>
      <scheme val="minor"/>
    </font>
    <font>
      <sz val="11"/>
      <color rgb="FFFA7D00"/>
      <name val="ＭＳ Ｐゴシック"/>
      <family val="2"/>
      <scheme val="minor"/>
    </font>
    <font>
      <sz val="11"/>
      <color rgb="FF3F3F76"/>
      <name val="ＭＳ Ｐゴシック"/>
      <family val="2"/>
      <scheme val="minor"/>
    </font>
    <font>
      <b/>
      <sz val="11"/>
      <color rgb="FF3F3F3F"/>
      <name val="ＭＳ Ｐゴシック"/>
      <family val="2"/>
      <scheme val="minor"/>
    </font>
    <font>
      <sz val="11"/>
      <color rgb="FF9C0006"/>
      <name val="ＭＳ Ｐゴシック"/>
      <family val="2"/>
      <scheme val="minor"/>
    </font>
    <font>
      <sz val="11"/>
      <color rgb="FF006100"/>
      <name val="ＭＳ Ｐゴシック"/>
      <family val="2"/>
      <scheme val="minor"/>
    </font>
    <font>
      <b/>
      <sz val="15"/>
      <color theme="3"/>
      <name val="ＭＳ Ｐゴシック"/>
      <family val="2"/>
      <scheme val="minor"/>
    </font>
    <font>
      <b/>
      <sz val="13"/>
      <color theme="3"/>
      <name val="ＭＳ Ｐゴシック"/>
      <family val="2"/>
      <scheme val="minor"/>
    </font>
    <font>
      <b/>
      <sz val="11"/>
      <color theme="3"/>
      <name val="ＭＳ Ｐゴシック"/>
      <family val="2"/>
      <scheme val="minor"/>
    </font>
    <font>
      <b/>
      <sz val="11"/>
      <color rgb="FFFA7D00"/>
      <name val="ＭＳ Ｐゴシック"/>
      <family val="2"/>
      <scheme val="minor"/>
    </font>
    <font>
      <i/>
      <sz val="11"/>
      <color rgb="FF7F7F7F"/>
      <name val="ＭＳ Ｐゴシック"/>
      <family val="2"/>
      <scheme val="minor"/>
    </font>
    <font>
      <sz val="11"/>
      <color rgb="FFFF0000"/>
      <name val="ＭＳ Ｐゴシック"/>
      <family val="2"/>
      <scheme val="minor"/>
    </font>
    <font>
      <b/>
      <sz val="11"/>
      <color theme="1"/>
      <name val="ＭＳ Ｐゴシック"/>
      <family val="2"/>
      <scheme val="minor"/>
    </font>
    <font>
      <sz val="6"/>
      <name val="ＭＳ Ｐゴシック"/>
      <family val="3"/>
      <scheme val="minor"/>
    </font>
    <font>
      <sz val="12"/>
      <color theme="1"/>
      <name val="BIZ UD明朝 Medium"/>
      <family val="1"/>
      <charset val="128"/>
    </font>
    <font>
      <sz val="16"/>
      <color theme="1"/>
      <name val="BIZ UD明朝 Medium"/>
      <family val="1"/>
      <charset val="128"/>
    </font>
    <font>
      <u/>
      <sz val="14"/>
      <color theme="1"/>
      <name val="BIZ UD明朝 Medium"/>
      <family val="1"/>
      <charset val="128"/>
    </font>
    <font>
      <sz val="11"/>
      <color theme="1"/>
      <name val="BIZ UD明朝 Medium"/>
      <family val="1"/>
      <charset val="128"/>
    </font>
    <font>
      <b/>
      <u/>
      <sz val="13"/>
      <color theme="1"/>
      <name val="BIZ UD明朝 Medium"/>
      <family val="1"/>
      <charset val="128"/>
    </font>
    <font>
      <sz val="10.5"/>
      <color theme="1"/>
      <name val="BIZ UD明朝 Medium"/>
      <family val="1"/>
      <charset val="128"/>
    </font>
    <font>
      <sz val="14"/>
      <color theme="1"/>
      <name val="BIZ UD明朝 Medium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FFEB9C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FFC7CE"/>
      </patternFill>
    </fill>
    <fill>
      <patternFill patternType="solid">
        <fgColor rgb="FFC6EFCE"/>
      </patternFill>
    </fill>
  </fills>
  <borders count="37">
    <border>
      <left/>
      <right/>
      <top/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42">
    <xf numFmtId="0" fontId="0" fillId="0" borderId="0">
      <alignment vertical="center"/>
    </xf>
    <xf numFmtId="0" fontId="1" fillId="2" borderId="0" applyNumberFormat="0" applyBorder="0" applyAlignment="0" applyProtection="0">
      <alignment vertical="center"/>
    </xf>
    <xf numFmtId="0" fontId="1" fillId="3" borderId="0" applyNumberFormat="0" applyBorder="0" applyAlignment="0" applyProtection="0">
      <alignment vertical="center"/>
    </xf>
    <xf numFmtId="0" fontId="1" fillId="4" borderId="0" applyNumberFormat="0" applyBorder="0" applyAlignment="0" applyProtection="0">
      <alignment vertical="center"/>
    </xf>
    <xf numFmtId="0" fontId="1" fillId="5" borderId="0" applyNumberFormat="0" applyBorder="0" applyAlignment="0" applyProtection="0">
      <alignment vertical="center"/>
    </xf>
    <xf numFmtId="0" fontId="1" fillId="6" borderId="0" applyNumberFormat="0" applyBorder="0" applyAlignment="0" applyProtection="0">
      <alignment vertical="center"/>
    </xf>
    <xf numFmtId="0" fontId="1" fillId="7" borderId="0" applyNumberFormat="0" applyBorder="0" applyAlignment="0" applyProtection="0">
      <alignment vertical="center"/>
    </xf>
    <xf numFmtId="0" fontId="1" fillId="8" borderId="0" applyNumberFormat="0" applyBorder="0" applyAlignment="0" applyProtection="0">
      <alignment vertical="center"/>
    </xf>
    <xf numFmtId="0" fontId="1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" fillId="13" borderId="0" applyNumberFormat="0" applyBorder="0" applyAlignment="0" applyProtection="0">
      <alignment vertical="center"/>
    </xf>
    <xf numFmtId="0" fontId="2" fillId="14" borderId="0" applyNumberFormat="0" applyBorder="0" applyAlignment="0" applyProtection="0">
      <alignment vertical="center"/>
    </xf>
    <xf numFmtId="0" fontId="2" fillId="15" borderId="0" applyNumberFormat="0" applyBorder="0" applyAlignment="0" applyProtection="0">
      <alignment vertical="center"/>
    </xf>
    <xf numFmtId="0" fontId="2" fillId="16" borderId="0" applyNumberFormat="0" applyBorder="0" applyAlignment="0" applyProtection="0">
      <alignment vertical="center"/>
    </xf>
    <xf numFmtId="0" fontId="2" fillId="17" borderId="0" applyNumberFormat="0" applyBorder="0" applyAlignment="0" applyProtection="0">
      <alignment vertical="center"/>
    </xf>
    <xf numFmtId="0" fontId="2" fillId="18" borderId="0" applyNumberFormat="0" applyBorder="0" applyAlignment="0" applyProtection="0">
      <alignment vertical="center"/>
    </xf>
    <xf numFmtId="0" fontId="2" fillId="19" borderId="0" applyNumberFormat="0" applyBorder="0" applyAlignment="0" applyProtection="0">
      <alignment vertical="center"/>
    </xf>
    <xf numFmtId="0" fontId="3" fillId="20" borderId="0" applyNumberFormat="0" applyBorder="0" applyAlignment="0" applyProtection="0">
      <alignment vertical="center"/>
    </xf>
    <xf numFmtId="0" fontId="2" fillId="21" borderId="0" applyNumberFormat="0" applyBorder="0" applyAlignment="0" applyProtection="0">
      <alignment vertical="center"/>
    </xf>
    <xf numFmtId="0" fontId="2" fillId="22" borderId="0" applyNumberFormat="0" applyBorder="0" applyAlignment="0" applyProtection="0">
      <alignment vertical="center"/>
    </xf>
    <xf numFmtId="0" fontId="2" fillId="23" borderId="0" applyNumberFormat="0" applyBorder="0" applyAlignment="0" applyProtection="0">
      <alignment vertical="center"/>
    </xf>
    <xf numFmtId="0" fontId="2" fillId="24" borderId="0" applyNumberFormat="0" applyBorder="0" applyAlignment="0" applyProtection="0">
      <alignment vertical="center"/>
    </xf>
    <xf numFmtId="0" fontId="2" fillId="25" borderId="0" applyNumberFormat="0" applyBorder="0" applyAlignment="0" applyProtection="0">
      <alignment vertical="center"/>
    </xf>
    <xf numFmtId="0" fontId="2" fillId="26" borderId="0" applyNumberFormat="0" applyBorder="0" applyAlignment="0" applyProtection="0">
      <alignment vertical="center"/>
    </xf>
    <xf numFmtId="0" fontId="4" fillId="0" borderId="0" applyNumberFormat="0" applyFill="0" applyBorder="0" applyAlignment="0" applyProtection="0">
      <alignment vertical="center"/>
    </xf>
    <xf numFmtId="0" fontId="5" fillId="27" borderId="1" applyNumberFormat="0" applyAlignment="0" applyProtection="0">
      <alignment vertical="center"/>
    </xf>
    <xf numFmtId="0" fontId="1" fillId="28" borderId="2" applyNumberFormat="0" applyFont="0" applyAlignment="0" applyProtection="0">
      <alignment vertical="center"/>
    </xf>
    <xf numFmtId="0" fontId="6" fillId="0" borderId="3" applyNumberFormat="0" applyFill="0" applyAlignment="0" applyProtection="0">
      <alignment vertical="center"/>
    </xf>
    <xf numFmtId="0" fontId="7" fillId="29" borderId="4" applyNumberFormat="0" applyAlignment="0" applyProtection="0">
      <alignment vertical="center"/>
    </xf>
    <xf numFmtId="0" fontId="8" fillId="30" borderId="5" applyNumberFormat="0" applyAlignment="0" applyProtection="0">
      <alignment vertical="center"/>
    </xf>
    <xf numFmtId="0" fontId="9" fillId="31" borderId="0" applyNumberFormat="0" applyBorder="0" applyAlignment="0" applyProtection="0">
      <alignment vertical="center"/>
    </xf>
    <xf numFmtId="0" fontId="10" fillId="32" borderId="0" applyNumberFormat="0" applyBorder="0" applyAlignment="0" applyProtection="0">
      <alignment vertical="center"/>
    </xf>
    <xf numFmtId="0" fontId="11" fillId="0" borderId="6" applyNumberFormat="0" applyFill="0" applyAlignment="0" applyProtection="0">
      <alignment vertical="center"/>
    </xf>
    <xf numFmtId="0" fontId="12" fillId="0" borderId="7" applyNumberFormat="0" applyFill="0" applyAlignment="0" applyProtection="0">
      <alignment vertical="center"/>
    </xf>
    <xf numFmtId="0" fontId="13" fillId="0" borderId="8" applyNumberFormat="0" applyFill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4" fillId="30" borderId="4" applyNumberForma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0" applyNumberFormat="0" applyFill="0" applyBorder="0" applyAlignment="0" applyProtection="0">
      <alignment vertical="center"/>
    </xf>
    <xf numFmtId="0" fontId="17" fillId="0" borderId="9" applyNumberFormat="0" applyFill="0" applyAlignment="0" applyProtection="0">
      <alignment vertical="center"/>
    </xf>
  </cellStyleXfs>
  <cellXfs count="38">
    <xf numFmtId="0" fontId="0" fillId="0" borderId="0" xfId="0">
      <alignment vertical="center"/>
    </xf>
    <xf numFmtId="0" fontId="19" fillId="0" borderId="0" xfId="0" applyFont="1" applyAlignment="1">
      <alignment horizontal="left" vertical="center"/>
    </xf>
    <xf numFmtId="0" fontId="21" fillId="0" borderId="0" xfId="0" applyFont="1" applyAlignment="1">
      <alignment horizontal="left" vertical="center"/>
    </xf>
    <xf numFmtId="0" fontId="22" fillId="0" borderId="0" xfId="0" applyFont="1">
      <alignment vertical="center"/>
    </xf>
    <xf numFmtId="0" fontId="23" fillId="0" borderId="0" xfId="0" applyFont="1" applyAlignment="1">
      <alignment horizontal="right" vertical="center"/>
    </xf>
    <xf numFmtId="0" fontId="22" fillId="0" borderId="10" xfId="0" applyFont="1" applyBorder="1" applyAlignment="1">
      <alignment horizontal="center" vertical="center"/>
    </xf>
    <xf numFmtId="0" fontId="22" fillId="0" borderId="17" xfId="0" applyFont="1" applyBorder="1" applyAlignment="1">
      <alignment horizontal="center" vertical="center"/>
    </xf>
    <xf numFmtId="0" fontId="22" fillId="0" borderId="24" xfId="0" applyFont="1" applyBorder="1" applyAlignment="1">
      <alignment horizontal="center" vertical="center"/>
    </xf>
    <xf numFmtId="0" fontId="22" fillId="0" borderId="31" xfId="0" applyFont="1" applyBorder="1" applyAlignment="1">
      <alignment horizontal="center" vertical="center"/>
    </xf>
    <xf numFmtId="0" fontId="22" fillId="0" borderId="0" xfId="0" applyFont="1" applyAlignment="1">
      <alignment horizontal="center" vertical="center"/>
    </xf>
    <xf numFmtId="0" fontId="19" fillId="0" borderId="11" xfId="0" applyFont="1" applyBorder="1" applyAlignment="1">
      <alignment horizontal="center" vertical="center"/>
    </xf>
    <xf numFmtId="0" fontId="19" fillId="0" borderId="18" xfId="0" applyFont="1" applyBorder="1" applyAlignment="1">
      <alignment horizontal="center" vertical="center"/>
    </xf>
    <xf numFmtId="0" fontId="24" fillId="0" borderId="25" xfId="0" applyFont="1" applyBorder="1" applyAlignment="1">
      <alignment horizontal="center" vertical="center"/>
    </xf>
    <xf numFmtId="0" fontId="19" fillId="0" borderId="32" xfId="0" applyFont="1" applyBorder="1" applyAlignment="1">
      <alignment horizontal="center" vertical="center"/>
    </xf>
    <xf numFmtId="0" fontId="19" fillId="0" borderId="12" xfId="0" applyFont="1" applyBorder="1" applyAlignment="1">
      <alignment horizontal="center" vertical="center"/>
    </xf>
    <xf numFmtId="0" fontId="19" fillId="0" borderId="19" xfId="0" applyFont="1" applyBorder="1" applyAlignment="1">
      <alignment horizontal="center" vertical="center"/>
    </xf>
    <xf numFmtId="0" fontId="24" fillId="0" borderId="26" xfId="0" applyFont="1" applyBorder="1" applyAlignment="1">
      <alignment horizontal="center" vertical="center"/>
    </xf>
    <xf numFmtId="0" fontId="19" fillId="0" borderId="33" xfId="0" applyFont="1" applyBorder="1" applyAlignment="1">
      <alignment horizontal="center" vertical="center"/>
    </xf>
    <xf numFmtId="0" fontId="19" fillId="0" borderId="13" xfId="0" applyFont="1" applyBorder="1" applyAlignment="1">
      <alignment horizontal="center" vertical="center"/>
    </xf>
    <xf numFmtId="0" fontId="19" fillId="0" borderId="20" xfId="0" applyFont="1" applyBorder="1" applyAlignment="1">
      <alignment horizontal="center" vertical="center"/>
    </xf>
    <xf numFmtId="0" fontId="24" fillId="0" borderId="27" xfId="0" applyFont="1" applyBorder="1" applyAlignment="1">
      <alignment horizontal="center" vertical="center"/>
    </xf>
    <xf numFmtId="0" fontId="19" fillId="0" borderId="34" xfId="0" applyFont="1" applyBorder="1" applyAlignment="1">
      <alignment horizontal="center" vertical="center"/>
    </xf>
    <xf numFmtId="0" fontId="19" fillId="0" borderId="21" xfId="0" applyFont="1" applyBorder="1" applyAlignment="1">
      <alignment horizontal="center" vertical="center"/>
    </xf>
    <xf numFmtId="0" fontId="24" fillId="0" borderId="28" xfId="0" applyFont="1" applyBorder="1" applyAlignment="1">
      <alignment horizontal="center" vertical="center"/>
    </xf>
    <xf numFmtId="0" fontId="19" fillId="0" borderId="35" xfId="0" applyFont="1" applyBorder="1" applyAlignment="1">
      <alignment horizontal="center" vertical="center"/>
    </xf>
    <xf numFmtId="0" fontId="19" fillId="0" borderId="14" xfId="0" applyFont="1" applyBorder="1" applyAlignment="1">
      <alignment horizontal="center" vertical="center"/>
    </xf>
    <xf numFmtId="0" fontId="19" fillId="0" borderId="22" xfId="0" applyFont="1" applyBorder="1" applyAlignment="1">
      <alignment horizontal="center" vertical="center"/>
    </xf>
    <xf numFmtId="0" fontId="24" fillId="0" borderId="29" xfId="0" applyFont="1" applyBorder="1" applyAlignment="1">
      <alignment horizontal="center" vertical="center"/>
    </xf>
    <xf numFmtId="0" fontId="19" fillId="0" borderId="36" xfId="0" applyFont="1" applyBorder="1" applyAlignment="1">
      <alignment horizontal="center" vertical="center"/>
    </xf>
    <xf numFmtId="0" fontId="19" fillId="0" borderId="15" xfId="0" applyFont="1" applyBorder="1" applyAlignment="1">
      <alignment horizontal="center" vertical="center"/>
    </xf>
    <xf numFmtId="0" fontId="25" fillId="0" borderId="0" xfId="0" applyFont="1" applyAlignment="1">
      <alignment horizontal="justify" vertical="center"/>
    </xf>
    <xf numFmtId="0" fontId="22" fillId="0" borderId="16" xfId="0" applyFont="1" applyBorder="1" applyAlignment="1">
      <alignment horizontal="center" vertical="center"/>
    </xf>
    <xf numFmtId="0" fontId="22" fillId="0" borderId="23" xfId="0" applyFont="1" applyBorder="1" applyAlignment="1">
      <alignment horizontal="center" vertical="center"/>
    </xf>
    <xf numFmtId="0" fontId="22" fillId="0" borderId="30" xfId="0" applyFont="1" applyBorder="1" applyAlignment="1">
      <alignment horizontal="center" vertical="center"/>
    </xf>
    <xf numFmtId="0" fontId="24" fillId="0" borderId="0" xfId="0" applyFont="1" applyAlignment="1">
      <alignment horizontal="center" wrapText="1"/>
    </xf>
    <xf numFmtId="0" fontId="22" fillId="0" borderId="0" xfId="0" applyFont="1" applyAlignment="1">
      <alignment horizontal="center"/>
    </xf>
    <xf numFmtId="0" fontId="24" fillId="0" borderId="0" xfId="0" applyFont="1" applyAlignment="1">
      <alignment horizontal="center" vertical="center" wrapText="1"/>
    </xf>
    <xf numFmtId="0" fontId="22" fillId="0" borderId="0" xfId="0" applyFont="1" applyAlignment="1">
      <alignment horizontal="center" vertical="center"/>
    </xf>
  </cellXfs>
  <cellStyles count="4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20" builtinId="29" customBuiltin="1"/>
    <cellStyle name="アクセント 2" xfId="21" builtinId="33" customBuiltin="1"/>
    <cellStyle name="アクセント 3" xfId="22" builtinId="37" customBuiltin="1"/>
    <cellStyle name="アクセント 4" xfId="23" builtinId="41" customBuiltin="1"/>
    <cellStyle name="アクセント 5" xfId="24" builtinId="45" customBuiltin="1"/>
    <cellStyle name="アクセント 6" xfId="25" builtinId="49" customBuiltin="1"/>
    <cellStyle name="タイトル" xfId="26" builtinId="15" customBuiltin="1"/>
    <cellStyle name="チェック セル" xfId="27" builtinId="23" customBuiltin="1"/>
    <cellStyle name="どちらでもない" xfId="19" builtinId="28" customBuiltin="1"/>
    <cellStyle name="メモ" xfId="28" builtinId="10" customBuiltin="1"/>
    <cellStyle name="リンク セル" xfId="29" builtinId="24" customBuiltin="1"/>
    <cellStyle name="悪い" xfId="32" builtinId="27" customBuiltin="1"/>
    <cellStyle name="計算" xfId="38" builtinId="22" customBuiltin="1"/>
    <cellStyle name="警告文" xfId="40" builtinId="11" customBuiltin="1"/>
    <cellStyle name="見出し 1" xfId="34" builtinId="16" customBuiltin="1"/>
    <cellStyle name="見出し 2" xfId="35" builtinId="17" customBuiltin="1"/>
    <cellStyle name="見出し 3" xfId="36" builtinId="18" customBuiltin="1"/>
    <cellStyle name="見出し 4" xfId="37" builtinId="19" customBuiltin="1"/>
    <cellStyle name="集計" xfId="41" builtinId="25" customBuiltin="1"/>
    <cellStyle name="出力" xfId="31" builtinId="21" customBuiltin="1"/>
    <cellStyle name="説明文" xfId="39" builtinId="53" customBuiltin="1"/>
    <cellStyle name="入力" xfId="30" builtinId="20" customBuiltin="1"/>
    <cellStyle name="標準" xfId="0" builtinId="0"/>
    <cellStyle name="良い" xfId="33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0</xdr:colOff>
      <xdr:row>8</xdr:row>
      <xdr:rowOff>0</xdr:rowOff>
    </xdr:from>
    <xdr:to>
      <xdr:col>4</xdr:col>
      <xdr:colOff>175895</xdr:colOff>
      <xdr:row>8</xdr:row>
      <xdr:rowOff>266065</xdr:rowOff>
    </xdr:to>
    <xdr:grpSp>
      <xdr:nvGrpSpPr>
        <xdr:cNvPr id="1346" name="Group 322">
          <a:extLst>
            <a:ext uri="{FF2B5EF4-FFF2-40B4-BE49-F238E27FC236}">
              <a16:creationId xmlns:a16="http://schemas.microsoft.com/office/drawing/2014/main" id="{00000000-0008-0000-0000-000042050000}"/>
            </a:ext>
          </a:extLst>
        </xdr:cNvPr>
        <xdr:cNvGrpSpPr>
          <a:grpSpLocks noChangeAspect="1"/>
        </xdr:cNvGrpSpPr>
      </xdr:nvGrpSpPr>
      <xdr:grpSpPr>
        <a:xfrm>
          <a:off x="4059115" y="2300654"/>
          <a:ext cx="175895" cy="266065"/>
          <a:chOff x="-7350" y="1575"/>
          <a:chExt cx="26535" cy="4248"/>
        </a:xfrm>
      </xdr:grpSpPr>
      <xdr:sp macro="" textlink="">
        <xdr:nvSpPr>
          <xdr:cNvPr id="1347" name="AutoShape 323">
            <a:extLst>
              <a:ext uri="{FF2B5EF4-FFF2-40B4-BE49-F238E27FC236}">
                <a16:creationId xmlns:a16="http://schemas.microsoft.com/office/drawing/2014/main" id="{00000000-0008-0000-0000-000043050000}"/>
              </a:ext>
            </a:extLst>
          </xdr:cNvPr>
          <xdr:cNvSpPr>
            <a:spLocks noChangeAspect="1" noChangeArrowheads="1" noTextEdit="1"/>
          </xdr:cNvSpPr>
        </xdr:nvSpPr>
        <xdr:spPr>
          <a:xfrm>
            <a:off x="-7350" y="1575"/>
            <a:ext cx="26535" cy="4248"/>
          </a:xfrm>
          <a:prstGeom prst="rect">
            <a:avLst/>
          </a:prstGeom>
          <a:noFill/>
        </xdr:spPr>
      </xdr:sp>
    </xdr:grpSp>
    <xdr:clientData/>
  </xdr:twoCellAnchor>
  <xdr:twoCellAnchor>
    <xdr:from>
      <xdr:col>4</xdr:col>
      <xdr:colOff>0</xdr:colOff>
      <xdr:row>45</xdr:row>
      <xdr:rowOff>0</xdr:rowOff>
    </xdr:from>
    <xdr:to>
      <xdr:col>4</xdr:col>
      <xdr:colOff>175895</xdr:colOff>
      <xdr:row>45</xdr:row>
      <xdr:rowOff>266065</xdr:rowOff>
    </xdr:to>
    <xdr:grpSp>
      <xdr:nvGrpSpPr>
        <xdr:cNvPr id="1359" name="Group 335">
          <a:extLst>
            <a:ext uri="{FF2B5EF4-FFF2-40B4-BE49-F238E27FC236}">
              <a16:creationId xmlns:a16="http://schemas.microsoft.com/office/drawing/2014/main" id="{00000000-0008-0000-0000-00004F050000}"/>
            </a:ext>
          </a:extLst>
        </xdr:cNvPr>
        <xdr:cNvGrpSpPr>
          <a:grpSpLocks noChangeAspect="1"/>
        </xdr:cNvGrpSpPr>
      </xdr:nvGrpSpPr>
      <xdr:grpSpPr>
        <a:xfrm>
          <a:off x="4059115" y="12573000"/>
          <a:ext cx="175895" cy="266065"/>
          <a:chOff x="-7350" y="1575"/>
          <a:chExt cx="26535" cy="4248"/>
        </a:xfrm>
      </xdr:grpSpPr>
      <xdr:sp macro="" textlink="">
        <xdr:nvSpPr>
          <xdr:cNvPr id="1360" name="AutoShape 336">
            <a:extLst>
              <a:ext uri="{FF2B5EF4-FFF2-40B4-BE49-F238E27FC236}">
                <a16:creationId xmlns:a16="http://schemas.microsoft.com/office/drawing/2014/main" id="{00000000-0008-0000-0000-000050050000}"/>
              </a:ext>
            </a:extLst>
          </xdr:cNvPr>
          <xdr:cNvSpPr>
            <a:spLocks noChangeAspect="1" noChangeArrowheads="1" noTextEdit="1"/>
          </xdr:cNvSpPr>
        </xdr:nvSpPr>
        <xdr:spPr>
          <a:xfrm>
            <a:off x="-7350" y="1575"/>
            <a:ext cx="26535" cy="4248"/>
          </a:xfrm>
          <a:prstGeom prst="rect">
            <a:avLst/>
          </a:prstGeom>
          <a:noFill/>
        </xdr:spPr>
      </xdr:sp>
    </xdr:grpSp>
    <xdr:clientData/>
  </xdr:twoCellAnchor>
  <xdr:twoCellAnchor>
    <xdr:from>
      <xdr:col>2</xdr:col>
      <xdr:colOff>175260</xdr:colOff>
      <xdr:row>35</xdr:row>
      <xdr:rowOff>67945</xdr:rowOff>
    </xdr:from>
    <xdr:to>
      <xdr:col>2</xdr:col>
      <xdr:colOff>365760</xdr:colOff>
      <xdr:row>36</xdr:row>
      <xdr:rowOff>151130</xdr:rowOff>
    </xdr:to>
    <xdr:grpSp>
      <xdr:nvGrpSpPr>
        <xdr:cNvPr id="1348" name="Group 324">
          <a:extLst>
            <a:ext uri="{FF2B5EF4-FFF2-40B4-BE49-F238E27FC236}">
              <a16:creationId xmlns:a16="http://schemas.microsoft.com/office/drawing/2014/main" id="{00000000-0008-0000-0000-000044050000}"/>
            </a:ext>
          </a:extLst>
        </xdr:cNvPr>
        <xdr:cNvGrpSpPr>
          <a:grpSpLocks noChangeAspect="1"/>
        </xdr:cNvGrpSpPr>
      </xdr:nvGrpSpPr>
      <xdr:grpSpPr>
        <a:xfrm>
          <a:off x="2820279" y="9988599"/>
          <a:ext cx="190500" cy="266358"/>
          <a:chOff x="-8433" y="1620"/>
          <a:chExt cx="28710" cy="4203"/>
        </a:xfrm>
      </xdr:grpSpPr>
      <xdr:sp macro="" textlink="">
        <xdr:nvSpPr>
          <xdr:cNvPr id="1349" name="AutoShape 325">
            <a:extLst>
              <a:ext uri="{FF2B5EF4-FFF2-40B4-BE49-F238E27FC236}">
                <a16:creationId xmlns:a16="http://schemas.microsoft.com/office/drawing/2014/main" id="{00000000-0008-0000-0000-000045050000}"/>
              </a:ext>
            </a:extLst>
          </xdr:cNvPr>
          <xdr:cNvSpPr>
            <a:spLocks noChangeAspect="1" noChangeArrowheads="1" noTextEdit="1"/>
          </xdr:cNvSpPr>
        </xdr:nvSpPr>
        <xdr:spPr>
          <a:xfrm>
            <a:off x="-8433" y="1620"/>
            <a:ext cx="28710" cy="4203"/>
          </a:xfrm>
          <a:prstGeom prst="rect">
            <a:avLst/>
          </a:prstGeom>
          <a:noFill/>
        </xdr:spPr>
      </xdr:sp>
    </xdr:grpSp>
    <xdr:clientData/>
  </xdr:twoCellAnchor>
  <xdr:twoCellAnchor>
    <xdr:from>
      <xdr:col>2</xdr:col>
      <xdr:colOff>175260</xdr:colOff>
      <xdr:row>72</xdr:row>
      <xdr:rowOff>69850</xdr:rowOff>
    </xdr:from>
    <xdr:to>
      <xdr:col>2</xdr:col>
      <xdr:colOff>365760</xdr:colOff>
      <xdr:row>74</xdr:row>
      <xdr:rowOff>0</xdr:rowOff>
    </xdr:to>
    <xdr:grpSp>
      <xdr:nvGrpSpPr>
        <xdr:cNvPr id="1361" name="Group 337">
          <a:extLst>
            <a:ext uri="{FF2B5EF4-FFF2-40B4-BE49-F238E27FC236}">
              <a16:creationId xmlns:a16="http://schemas.microsoft.com/office/drawing/2014/main" id="{00000000-0008-0000-0000-000051050000}"/>
            </a:ext>
          </a:extLst>
        </xdr:cNvPr>
        <xdr:cNvGrpSpPr>
          <a:grpSpLocks noChangeAspect="1"/>
        </xdr:cNvGrpSpPr>
      </xdr:nvGrpSpPr>
      <xdr:grpSpPr>
        <a:xfrm>
          <a:off x="2820279" y="20226215"/>
          <a:ext cx="190500" cy="267189"/>
          <a:chOff x="-8433" y="1620"/>
          <a:chExt cx="28710" cy="4203"/>
        </a:xfrm>
      </xdr:grpSpPr>
      <xdr:sp macro="" textlink="">
        <xdr:nvSpPr>
          <xdr:cNvPr id="1362" name="AutoShape 338">
            <a:extLst>
              <a:ext uri="{FF2B5EF4-FFF2-40B4-BE49-F238E27FC236}">
                <a16:creationId xmlns:a16="http://schemas.microsoft.com/office/drawing/2014/main" id="{00000000-0008-0000-0000-000052050000}"/>
              </a:ext>
            </a:extLst>
          </xdr:cNvPr>
          <xdr:cNvSpPr>
            <a:spLocks noChangeAspect="1" noChangeArrowheads="1" noTextEdit="1"/>
          </xdr:cNvSpPr>
        </xdr:nvSpPr>
        <xdr:spPr>
          <a:xfrm>
            <a:off x="-8433" y="1620"/>
            <a:ext cx="28710" cy="4203"/>
          </a:xfrm>
          <a:prstGeom prst="rect">
            <a:avLst/>
          </a:prstGeom>
          <a:noFill/>
        </xdr:spPr>
      </xdr:sp>
    </xdr:grpSp>
    <xdr:clientData/>
  </xdr:twoCellAnchor>
  <xdr:twoCellAnchor>
    <xdr:from>
      <xdr:col>1</xdr:col>
      <xdr:colOff>1744980</xdr:colOff>
      <xdr:row>72</xdr:row>
      <xdr:rowOff>31115</xdr:rowOff>
    </xdr:from>
    <xdr:to>
      <xdr:col>4</xdr:col>
      <xdr:colOff>655955</xdr:colOff>
      <xdr:row>74</xdr:row>
      <xdr:rowOff>93345</xdr:rowOff>
    </xdr:to>
    <xdr:sp macro="" textlink="">
      <xdr:nvSpPr>
        <xdr:cNvPr id="1371" name="Rectangle 347">
          <a:extLst>
            <a:ext uri="{FF2B5EF4-FFF2-40B4-BE49-F238E27FC236}">
              <a16:creationId xmlns:a16="http://schemas.microsoft.com/office/drawing/2014/main" id="{00000000-0008-0000-0000-00005B050000}"/>
            </a:ext>
          </a:extLst>
        </xdr:cNvPr>
        <xdr:cNvSpPr>
          <a:spLocks noChangeArrowheads="1"/>
        </xdr:cNvSpPr>
      </xdr:nvSpPr>
      <xdr:spPr>
        <a:xfrm>
          <a:off x="2294890" y="20580350"/>
          <a:ext cx="2406015" cy="40513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BIZ UD明朝 Medium" panose="02020500000000000000" pitchFamily="17" charset="-128"/>
              <a:ea typeface="BIZ UD明朝 Medium" panose="02020500000000000000" pitchFamily="17" charset="-128"/>
            </a:rPr>
            <a:t>提出書類（１）－③</a:t>
          </a:r>
        </a:p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BIZ UD明朝 Medium" panose="02020500000000000000" pitchFamily="17" charset="-128"/>
              <a:ea typeface="BIZ UD明朝 Medium" panose="02020500000000000000" pitchFamily="17" charset="-128"/>
            </a:rPr>
            <a:t> </a:t>
          </a:r>
        </a:p>
      </xdr:txBody>
    </xdr:sp>
    <xdr:clientData/>
  </xdr:twoCellAnchor>
  <xdr:twoCellAnchor>
    <xdr:from>
      <xdr:col>1</xdr:col>
      <xdr:colOff>1608455</xdr:colOff>
      <xdr:row>34</xdr:row>
      <xdr:rowOff>162560</xdr:rowOff>
    </xdr:from>
    <xdr:to>
      <xdr:col>4</xdr:col>
      <xdr:colOff>518795</xdr:colOff>
      <xdr:row>36</xdr:row>
      <xdr:rowOff>158115</xdr:rowOff>
    </xdr:to>
    <xdr:sp macro="" textlink="">
      <xdr:nvSpPr>
        <xdr:cNvPr id="13" name="Rectangle 347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Arrowheads="1"/>
        </xdr:cNvSpPr>
      </xdr:nvSpPr>
      <xdr:spPr>
        <a:xfrm>
          <a:off x="2158365" y="10060940"/>
          <a:ext cx="2405380" cy="39560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BIZ UD明朝 Medium" panose="02020500000000000000" pitchFamily="17" charset="-128"/>
              <a:ea typeface="BIZ UD明朝 Medium" panose="02020500000000000000" pitchFamily="17" charset="-128"/>
            </a:rPr>
            <a:t>提出書類（１）－③ 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>
    <a:sp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spDef>
    <a:ln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F72"/>
  <sheetViews>
    <sheetView showGridLines="0" tabSelected="1" view="pageBreakPreview" topLeftCell="A63" zoomScale="130" zoomScaleSheetLayoutView="130" workbookViewId="0">
      <selection activeCell="E74" sqref="E74"/>
    </sheetView>
  </sheetViews>
  <sheetFormatPr defaultRowHeight="13.5" x14ac:dyDescent="0.15"/>
  <cols>
    <col min="1" max="1" width="7.25" style="3" customWidth="1"/>
    <col min="2" max="2" width="27.5" style="3" customWidth="1"/>
    <col min="3" max="3" width="11.125" style="3" customWidth="1"/>
    <col min="4" max="4" width="7.375" style="3" customWidth="1"/>
    <col min="5" max="5" width="27.5" style="3" customWidth="1"/>
    <col min="6" max="6" width="11.375" style="3" customWidth="1"/>
    <col min="7" max="16384" width="9" style="3"/>
  </cols>
  <sheetData>
    <row r="1" spans="1:6" ht="22.9" customHeight="1" x14ac:dyDescent="0.15">
      <c r="A1" s="1" t="s">
        <v>6</v>
      </c>
      <c r="B1" s="2"/>
      <c r="F1" s="4" t="s">
        <v>5</v>
      </c>
    </row>
    <row r="2" spans="1:6" ht="25.9" customHeight="1" x14ac:dyDescent="0.15">
      <c r="A2" s="2" t="s">
        <v>7</v>
      </c>
    </row>
    <row r="3" spans="1:6" s="9" customFormat="1" ht="21" customHeight="1" x14ac:dyDescent="0.15">
      <c r="A3" s="5" t="s">
        <v>0</v>
      </c>
      <c r="B3" s="6" t="s">
        <v>3</v>
      </c>
      <c r="C3" s="7" t="s">
        <v>4</v>
      </c>
      <c r="D3" s="8" t="s">
        <v>0</v>
      </c>
      <c r="E3" s="6" t="s">
        <v>3</v>
      </c>
      <c r="F3" s="7" t="s">
        <v>4</v>
      </c>
    </row>
    <row r="4" spans="1:6" s="9" customFormat="1" ht="22.9" customHeight="1" x14ac:dyDescent="0.15">
      <c r="A4" s="10">
        <v>1</v>
      </c>
      <c r="B4" s="11"/>
      <c r="C4" s="12" t="s">
        <v>2</v>
      </c>
      <c r="D4" s="13">
        <v>31</v>
      </c>
      <c r="E4" s="11"/>
      <c r="F4" s="12" t="s">
        <v>2</v>
      </c>
    </row>
    <row r="5" spans="1:6" s="9" customFormat="1" ht="22.9" customHeight="1" x14ac:dyDescent="0.15">
      <c r="A5" s="14">
        <v>2</v>
      </c>
      <c r="B5" s="15"/>
      <c r="C5" s="16" t="s">
        <v>2</v>
      </c>
      <c r="D5" s="17">
        <v>32</v>
      </c>
      <c r="E5" s="15"/>
      <c r="F5" s="16" t="s">
        <v>2</v>
      </c>
    </row>
    <row r="6" spans="1:6" s="9" customFormat="1" ht="22.9" customHeight="1" x14ac:dyDescent="0.15">
      <c r="A6" s="14">
        <v>3</v>
      </c>
      <c r="B6" s="15"/>
      <c r="C6" s="16" t="s">
        <v>2</v>
      </c>
      <c r="D6" s="17">
        <v>33</v>
      </c>
      <c r="E6" s="15"/>
      <c r="F6" s="16" t="s">
        <v>2</v>
      </c>
    </row>
    <row r="7" spans="1:6" s="9" customFormat="1" ht="22.9" customHeight="1" x14ac:dyDescent="0.15">
      <c r="A7" s="14">
        <v>4</v>
      </c>
      <c r="B7" s="15"/>
      <c r="C7" s="16" t="s">
        <v>2</v>
      </c>
      <c r="D7" s="17">
        <v>34</v>
      </c>
      <c r="E7" s="15"/>
      <c r="F7" s="16" t="s">
        <v>2</v>
      </c>
    </row>
    <row r="8" spans="1:6" s="9" customFormat="1" ht="22.9" customHeight="1" x14ac:dyDescent="0.15">
      <c r="A8" s="18">
        <v>5</v>
      </c>
      <c r="B8" s="19"/>
      <c r="C8" s="20" t="s">
        <v>2</v>
      </c>
      <c r="D8" s="21">
        <v>35</v>
      </c>
      <c r="E8" s="19"/>
      <c r="F8" s="20" t="s">
        <v>2</v>
      </c>
    </row>
    <row r="9" spans="1:6" s="9" customFormat="1" ht="22.9" customHeight="1" x14ac:dyDescent="0.15">
      <c r="A9" s="10">
        <v>6</v>
      </c>
      <c r="B9" s="22"/>
      <c r="C9" s="23" t="s">
        <v>2</v>
      </c>
      <c r="D9" s="24">
        <v>36</v>
      </c>
      <c r="E9" s="22"/>
      <c r="F9" s="23" t="s">
        <v>2</v>
      </c>
    </row>
    <row r="10" spans="1:6" s="9" customFormat="1" ht="22.9" customHeight="1" x14ac:dyDescent="0.15">
      <c r="A10" s="14">
        <v>7</v>
      </c>
      <c r="B10" s="15"/>
      <c r="C10" s="16" t="s">
        <v>2</v>
      </c>
      <c r="D10" s="17">
        <v>37</v>
      </c>
      <c r="E10" s="15"/>
      <c r="F10" s="16" t="s">
        <v>2</v>
      </c>
    </row>
    <row r="11" spans="1:6" s="9" customFormat="1" ht="22.9" customHeight="1" x14ac:dyDescent="0.15">
      <c r="A11" s="14">
        <v>8</v>
      </c>
      <c r="B11" s="15"/>
      <c r="C11" s="16" t="s">
        <v>2</v>
      </c>
      <c r="D11" s="17">
        <v>38</v>
      </c>
      <c r="E11" s="15"/>
      <c r="F11" s="16" t="s">
        <v>2</v>
      </c>
    </row>
    <row r="12" spans="1:6" s="9" customFormat="1" ht="22.9" customHeight="1" x14ac:dyDescent="0.15">
      <c r="A12" s="14">
        <v>9</v>
      </c>
      <c r="B12" s="15"/>
      <c r="C12" s="16" t="s">
        <v>2</v>
      </c>
      <c r="D12" s="17">
        <v>39</v>
      </c>
      <c r="E12" s="15"/>
      <c r="F12" s="16" t="s">
        <v>2</v>
      </c>
    </row>
    <row r="13" spans="1:6" s="9" customFormat="1" ht="22.9" customHeight="1" x14ac:dyDescent="0.15">
      <c r="A13" s="25">
        <v>10</v>
      </c>
      <c r="B13" s="26"/>
      <c r="C13" s="27" t="s">
        <v>2</v>
      </c>
      <c r="D13" s="28">
        <v>40</v>
      </c>
      <c r="E13" s="26"/>
      <c r="F13" s="27" t="s">
        <v>2</v>
      </c>
    </row>
    <row r="14" spans="1:6" s="9" customFormat="1" ht="22.9" customHeight="1" x14ac:dyDescent="0.15">
      <c r="A14" s="29">
        <v>11</v>
      </c>
      <c r="B14" s="11"/>
      <c r="C14" s="12" t="s">
        <v>2</v>
      </c>
      <c r="D14" s="13">
        <v>41</v>
      </c>
      <c r="E14" s="11"/>
      <c r="F14" s="12" t="s">
        <v>2</v>
      </c>
    </row>
    <row r="15" spans="1:6" s="9" customFormat="1" ht="22.9" customHeight="1" x14ac:dyDescent="0.15">
      <c r="A15" s="14">
        <v>12</v>
      </c>
      <c r="B15" s="15"/>
      <c r="C15" s="16" t="s">
        <v>2</v>
      </c>
      <c r="D15" s="17">
        <v>42</v>
      </c>
      <c r="E15" s="15"/>
      <c r="F15" s="16" t="s">
        <v>2</v>
      </c>
    </row>
    <row r="16" spans="1:6" s="9" customFormat="1" ht="22.9" customHeight="1" x14ac:dyDescent="0.15">
      <c r="A16" s="14">
        <v>13</v>
      </c>
      <c r="B16" s="15"/>
      <c r="C16" s="16" t="s">
        <v>2</v>
      </c>
      <c r="D16" s="17">
        <v>43</v>
      </c>
      <c r="E16" s="15"/>
      <c r="F16" s="16" t="s">
        <v>2</v>
      </c>
    </row>
    <row r="17" spans="1:6" s="9" customFormat="1" ht="22.9" customHeight="1" x14ac:dyDescent="0.15">
      <c r="A17" s="14">
        <v>14</v>
      </c>
      <c r="B17" s="15"/>
      <c r="C17" s="16" t="s">
        <v>2</v>
      </c>
      <c r="D17" s="17">
        <v>44</v>
      </c>
      <c r="E17" s="15"/>
      <c r="F17" s="16" t="s">
        <v>2</v>
      </c>
    </row>
    <row r="18" spans="1:6" s="9" customFormat="1" ht="22.9" customHeight="1" x14ac:dyDescent="0.15">
      <c r="A18" s="18">
        <v>15</v>
      </c>
      <c r="B18" s="19"/>
      <c r="C18" s="20" t="s">
        <v>2</v>
      </c>
      <c r="D18" s="21">
        <v>45</v>
      </c>
      <c r="E18" s="19"/>
      <c r="F18" s="20" t="s">
        <v>2</v>
      </c>
    </row>
    <row r="19" spans="1:6" s="9" customFormat="1" ht="22.9" customHeight="1" x14ac:dyDescent="0.15">
      <c r="A19" s="10">
        <v>16</v>
      </c>
      <c r="B19" s="22"/>
      <c r="C19" s="23" t="s">
        <v>2</v>
      </c>
      <c r="D19" s="24">
        <v>46</v>
      </c>
      <c r="E19" s="22"/>
      <c r="F19" s="23" t="s">
        <v>2</v>
      </c>
    </row>
    <row r="20" spans="1:6" s="9" customFormat="1" ht="22.9" customHeight="1" x14ac:dyDescent="0.15">
      <c r="A20" s="14">
        <v>17</v>
      </c>
      <c r="B20" s="15"/>
      <c r="C20" s="16" t="s">
        <v>2</v>
      </c>
      <c r="D20" s="17">
        <v>47</v>
      </c>
      <c r="E20" s="15"/>
      <c r="F20" s="16" t="s">
        <v>2</v>
      </c>
    </row>
    <row r="21" spans="1:6" s="9" customFormat="1" ht="22.9" customHeight="1" x14ac:dyDescent="0.15">
      <c r="A21" s="14">
        <v>18</v>
      </c>
      <c r="B21" s="15"/>
      <c r="C21" s="16" t="s">
        <v>2</v>
      </c>
      <c r="D21" s="17">
        <v>48</v>
      </c>
      <c r="E21" s="15"/>
      <c r="F21" s="16" t="s">
        <v>2</v>
      </c>
    </row>
    <row r="22" spans="1:6" s="9" customFormat="1" ht="22.9" customHeight="1" x14ac:dyDescent="0.15">
      <c r="A22" s="14">
        <v>19</v>
      </c>
      <c r="B22" s="15"/>
      <c r="C22" s="16" t="s">
        <v>2</v>
      </c>
      <c r="D22" s="17">
        <v>49</v>
      </c>
      <c r="E22" s="15"/>
      <c r="F22" s="16" t="s">
        <v>2</v>
      </c>
    </row>
    <row r="23" spans="1:6" s="9" customFormat="1" ht="22.9" customHeight="1" x14ac:dyDescent="0.15">
      <c r="A23" s="14">
        <v>20</v>
      </c>
      <c r="B23" s="15"/>
      <c r="C23" s="16" t="s">
        <v>2</v>
      </c>
      <c r="D23" s="17">
        <v>50</v>
      </c>
      <c r="E23" s="15"/>
      <c r="F23" s="16" t="s">
        <v>2</v>
      </c>
    </row>
    <row r="24" spans="1:6" s="9" customFormat="1" ht="22.9" customHeight="1" x14ac:dyDescent="0.15">
      <c r="A24" s="29">
        <v>21</v>
      </c>
      <c r="B24" s="11"/>
      <c r="C24" s="12" t="s">
        <v>2</v>
      </c>
      <c r="D24" s="13">
        <v>51</v>
      </c>
      <c r="E24" s="11"/>
      <c r="F24" s="12" t="s">
        <v>2</v>
      </c>
    </row>
    <row r="25" spans="1:6" s="9" customFormat="1" ht="22.9" customHeight="1" x14ac:dyDescent="0.15">
      <c r="A25" s="14">
        <v>22</v>
      </c>
      <c r="B25" s="15"/>
      <c r="C25" s="16" t="s">
        <v>2</v>
      </c>
      <c r="D25" s="17">
        <v>52</v>
      </c>
      <c r="E25" s="15"/>
      <c r="F25" s="16" t="s">
        <v>2</v>
      </c>
    </row>
    <row r="26" spans="1:6" s="9" customFormat="1" ht="22.9" customHeight="1" x14ac:dyDescent="0.15">
      <c r="A26" s="14">
        <v>23</v>
      </c>
      <c r="B26" s="15"/>
      <c r="C26" s="16" t="s">
        <v>2</v>
      </c>
      <c r="D26" s="17">
        <v>53</v>
      </c>
      <c r="E26" s="15"/>
      <c r="F26" s="16" t="s">
        <v>2</v>
      </c>
    </row>
    <row r="27" spans="1:6" s="9" customFormat="1" ht="22.9" customHeight="1" x14ac:dyDescent="0.15">
      <c r="A27" s="14">
        <v>24</v>
      </c>
      <c r="B27" s="15"/>
      <c r="C27" s="16" t="s">
        <v>2</v>
      </c>
      <c r="D27" s="17">
        <v>54</v>
      </c>
      <c r="E27" s="15"/>
      <c r="F27" s="16" t="s">
        <v>2</v>
      </c>
    </row>
    <row r="28" spans="1:6" s="9" customFormat="1" ht="22.9" customHeight="1" x14ac:dyDescent="0.15">
      <c r="A28" s="18">
        <v>25</v>
      </c>
      <c r="B28" s="19"/>
      <c r="C28" s="20" t="s">
        <v>2</v>
      </c>
      <c r="D28" s="21">
        <v>55</v>
      </c>
      <c r="E28" s="19"/>
      <c r="F28" s="20" t="s">
        <v>2</v>
      </c>
    </row>
    <row r="29" spans="1:6" s="9" customFormat="1" ht="22.9" customHeight="1" x14ac:dyDescent="0.15">
      <c r="A29" s="10">
        <v>26</v>
      </c>
      <c r="B29" s="22"/>
      <c r="C29" s="23" t="s">
        <v>2</v>
      </c>
      <c r="D29" s="24">
        <v>56</v>
      </c>
      <c r="E29" s="22"/>
      <c r="F29" s="23" t="s">
        <v>2</v>
      </c>
    </row>
    <row r="30" spans="1:6" s="9" customFormat="1" ht="22.9" customHeight="1" x14ac:dyDescent="0.15">
      <c r="A30" s="14">
        <v>27</v>
      </c>
      <c r="B30" s="15"/>
      <c r="C30" s="16" t="s">
        <v>2</v>
      </c>
      <c r="D30" s="17">
        <v>57</v>
      </c>
      <c r="E30" s="15"/>
      <c r="F30" s="16" t="s">
        <v>2</v>
      </c>
    </row>
    <row r="31" spans="1:6" s="9" customFormat="1" ht="22.9" customHeight="1" x14ac:dyDescent="0.15">
      <c r="A31" s="14">
        <v>28</v>
      </c>
      <c r="B31" s="15"/>
      <c r="C31" s="16" t="s">
        <v>2</v>
      </c>
      <c r="D31" s="17">
        <v>58</v>
      </c>
      <c r="E31" s="15"/>
      <c r="F31" s="16" t="s">
        <v>2</v>
      </c>
    </row>
    <row r="32" spans="1:6" s="9" customFormat="1" ht="22.9" customHeight="1" x14ac:dyDescent="0.15">
      <c r="A32" s="14">
        <v>29</v>
      </c>
      <c r="B32" s="15"/>
      <c r="C32" s="16" t="s">
        <v>2</v>
      </c>
      <c r="D32" s="17">
        <v>59</v>
      </c>
      <c r="E32" s="15"/>
      <c r="F32" s="16" t="s">
        <v>2</v>
      </c>
    </row>
    <row r="33" spans="1:6" s="9" customFormat="1" ht="22.9" customHeight="1" x14ac:dyDescent="0.15">
      <c r="A33" s="18">
        <v>30</v>
      </c>
      <c r="B33" s="19"/>
      <c r="C33" s="20" t="s">
        <v>2</v>
      </c>
      <c r="D33" s="21">
        <v>60</v>
      </c>
      <c r="E33" s="19"/>
      <c r="F33" s="20" t="s">
        <v>2</v>
      </c>
    </row>
    <row r="34" spans="1:6" ht="21" customHeight="1" x14ac:dyDescent="0.15">
      <c r="A34" s="34" t="s">
        <v>1</v>
      </c>
      <c r="B34" s="35"/>
      <c r="C34" s="35"/>
      <c r="D34" s="35"/>
      <c r="E34" s="35"/>
      <c r="F34" s="35"/>
    </row>
    <row r="35" spans="1:6" ht="16.5" x14ac:dyDescent="0.15">
      <c r="A35" s="30"/>
    </row>
    <row r="36" spans="1:6" ht="14.25" x14ac:dyDescent="0.15">
      <c r="A36" s="1"/>
    </row>
    <row r="37" spans="1:6" ht="14.25" x14ac:dyDescent="0.15">
      <c r="A37" s="1"/>
    </row>
    <row r="38" spans="1:6" ht="22.9" customHeight="1" x14ac:dyDescent="0.15">
      <c r="A38" s="1" t="s">
        <v>8</v>
      </c>
      <c r="B38" s="2"/>
      <c r="F38" s="4" t="s">
        <v>9</v>
      </c>
    </row>
    <row r="39" spans="1:6" ht="25.15" customHeight="1" x14ac:dyDescent="0.15">
      <c r="A39" s="2" t="s">
        <v>7</v>
      </c>
    </row>
    <row r="40" spans="1:6" ht="20.45" customHeight="1" x14ac:dyDescent="0.15">
      <c r="A40" s="31" t="s">
        <v>0</v>
      </c>
      <c r="B40" s="32" t="s">
        <v>3</v>
      </c>
      <c r="C40" s="33" t="s">
        <v>4</v>
      </c>
      <c r="D40" s="31" t="s">
        <v>0</v>
      </c>
      <c r="E40" s="32" t="s">
        <v>3</v>
      </c>
      <c r="F40" s="33" t="s">
        <v>4</v>
      </c>
    </row>
    <row r="41" spans="1:6" ht="22.9" customHeight="1" x14ac:dyDescent="0.15">
      <c r="A41" s="29">
        <v>1</v>
      </c>
      <c r="B41" s="11"/>
      <c r="C41" s="12" t="s">
        <v>2</v>
      </c>
      <c r="D41" s="29">
        <v>31</v>
      </c>
      <c r="E41" s="11"/>
      <c r="F41" s="12" t="s">
        <v>2</v>
      </c>
    </row>
    <row r="42" spans="1:6" ht="22.9" customHeight="1" x14ac:dyDescent="0.15">
      <c r="A42" s="14">
        <v>2</v>
      </c>
      <c r="B42" s="15"/>
      <c r="C42" s="16" t="s">
        <v>2</v>
      </c>
      <c r="D42" s="14">
        <v>32</v>
      </c>
      <c r="E42" s="15"/>
      <c r="F42" s="16" t="s">
        <v>2</v>
      </c>
    </row>
    <row r="43" spans="1:6" ht="22.9" customHeight="1" x14ac:dyDescent="0.15">
      <c r="A43" s="14">
        <v>3</v>
      </c>
      <c r="B43" s="15"/>
      <c r="C43" s="16" t="s">
        <v>2</v>
      </c>
      <c r="D43" s="14">
        <v>33</v>
      </c>
      <c r="E43" s="15"/>
      <c r="F43" s="16" t="s">
        <v>2</v>
      </c>
    </row>
    <row r="44" spans="1:6" ht="22.9" customHeight="1" x14ac:dyDescent="0.15">
      <c r="A44" s="14">
        <v>4</v>
      </c>
      <c r="B44" s="15"/>
      <c r="C44" s="16" t="s">
        <v>2</v>
      </c>
      <c r="D44" s="14">
        <v>34</v>
      </c>
      <c r="E44" s="15"/>
      <c r="F44" s="16" t="s">
        <v>2</v>
      </c>
    </row>
    <row r="45" spans="1:6" ht="22.9" customHeight="1" x14ac:dyDescent="0.15">
      <c r="A45" s="18">
        <v>5</v>
      </c>
      <c r="B45" s="19"/>
      <c r="C45" s="20" t="s">
        <v>2</v>
      </c>
      <c r="D45" s="18">
        <v>35</v>
      </c>
      <c r="E45" s="19"/>
      <c r="F45" s="20" t="s">
        <v>2</v>
      </c>
    </row>
    <row r="46" spans="1:6" ht="22.9" customHeight="1" x14ac:dyDescent="0.15">
      <c r="A46" s="10">
        <v>6</v>
      </c>
      <c r="B46" s="22"/>
      <c r="C46" s="23" t="s">
        <v>2</v>
      </c>
      <c r="D46" s="10">
        <v>36</v>
      </c>
      <c r="E46" s="22"/>
      <c r="F46" s="23" t="s">
        <v>2</v>
      </c>
    </row>
    <row r="47" spans="1:6" ht="22.9" customHeight="1" x14ac:dyDescent="0.15">
      <c r="A47" s="14">
        <v>7</v>
      </c>
      <c r="B47" s="15"/>
      <c r="C47" s="16" t="s">
        <v>2</v>
      </c>
      <c r="D47" s="14">
        <v>37</v>
      </c>
      <c r="E47" s="15"/>
      <c r="F47" s="16" t="s">
        <v>2</v>
      </c>
    </row>
    <row r="48" spans="1:6" ht="22.9" customHeight="1" x14ac:dyDescent="0.15">
      <c r="A48" s="14">
        <v>8</v>
      </c>
      <c r="B48" s="15"/>
      <c r="C48" s="16" t="s">
        <v>2</v>
      </c>
      <c r="D48" s="14">
        <v>38</v>
      </c>
      <c r="E48" s="15"/>
      <c r="F48" s="16" t="s">
        <v>2</v>
      </c>
    </row>
    <row r="49" spans="1:6" ht="22.9" customHeight="1" x14ac:dyDescent="0.15">
      <c r="A49" s="14">
        <v>9</v>
      </c>
      <c r="B49" s="15"/>
      <c r="C49" s="16" t="s">
        <v>2</v>
      </c>
      <c r="D49" s="14">
        <v>39</v>
      </c>
      <c r="E49" s="15"/>
      <c r="F49" s="16" t="s">
        <v>2</v>
      </c>
    </row>
    <row r="50" spans="1:6" ht="22.9" customHeight="1" x14ac:dyDescent="0.15">
      <c r="A50" s="25">
        <v>10</v>
      </c>
      <c r="B50" s="26"/>
      <c r="C50" s="27" t="s">
        <v>2</v>
      </c>
      <c r="D50" s="25">
        <v>40</v>
      </c>
      <c r="E50" s="26"/>
      <c r="F50" s="27" t="s">
        <v>2</v>
      </c>
    </row>
    <row r="51" spans="1:6" ht="22.9" customHeight="1" x14ac:dyDescent="0.15">
      <c r="A51" s="29">
        <v>11</v>
      </c>
      <c r="B51" s="11"/>
      <c r="C51" s="12" t="s">
        <v>2</v>
      </c>
      <c r="D51" s="29">
        <v>41</v>
      </c>
      <c r="E51" s="11"/>
      <c r="F51" s="12" t="s">
        <v>2</v>
      </c>
    </row>
    <row r="52" spans="1:6" ht="22.9" customHeight="1" x14ac:dyDescent="0.15">
      <c r="A52" s="14">
        <v>12</v>
      </c>
      <c r="B52" s="15"/>
      <c r="C52" s="16" t="s">
        <v>2</v>
      </c>
      <c r="D52" s="14">
        <v>42</v>
      </c>
      <c r="E52" s="15"/>
      <c r="F52" s="16" t="s">
        <v>2</v>
      </c>
    </row>
    <row r="53" spans="1:6" ht="22.9" customHeight="1" x14ac:dyDescent="0.15">
      <c r="A53" s="14">
        <v>13</v>
      </c>
      <c r="B53" s="15"/>
      <c r="C53" s="16" t="s">
        <v>2</v>
      </c>
      <c r="D53" s="14">
        <v>43</v>
      </c>
      <c r="E53" s="15"/>
      <c r="F53" s="16" t="s">
        <v>2</v>
      </c>
    </row>
    <row r="54" spans="1:6" ht="22.9" customHeight="1" x14ac:dyDescent="0.15">
      <c r="A54" s="14">
        <v>14</v>
      </c>
      <c r="B54" s="15"/>
      <c r="C54" s="16" t="s">
        <v>2</v>
      </c>
      <c r="D54" s="14">
        <v>44</v>
      </c>
      <c r="E54" s="15"/>
      <c r="F54" s="16" t="s">
        <v>2</v>
      </c>
    </row>
    <row r="55" spans="1:6" ht="22.9" customHeight="1" x14ac:dyDescent="0.15">
      <c r="A55" s="18">
        <v>15</v>
      </c>
      <c r="B55" s="19"/>
      <c r="C55" s="20" t="s">
        <v>2</v>
      </c>
      <c r="D55" s="18">
        <v>45</v>
      </c>
      <c r="E55" s="19"/>
      <c r="F55" s="20" t="s">
        <v>2</v>
      </c>
    </row>
    <row r="56" spans="1:6" ht="22.9" customHeight="1" x14ac:dyDescent="0.15">
      <c r="A56" s="10">
        <v>16</v>
      </c>
      <c r="B56" s="22"/>
      <c r="C56" s="23" t="s">
        <v>2</v>
      </c>
      <c r="D56" s="10">
        <v>46</v>
      </c>
      <c r="E56" s="22"/>
      <c r="F56" s="23" t="s">
        <v>2</v>
      </c>
    </row>
    <row r="57" spans="1:6" ht="22.9" customHeight="1" x14ac:dyDescent="0.15">
      <c r="A57" s="14">
        <v>17</v>
      </c>
      <c r="B57" s="15"/>
      <c r="C57" s="16" t="s">
        <v>2</v>
      </c>
      <c r="D57" s="14">
        <v>47</v>
      </c>
      <c r="E57" s="15"/>
      <c r="F57" s="16" t="s">
        <v>2</v>
      </c>
    </row>
    <row r="58" spans="1:6" ht="22.9" customHeight="1" x14ac:dyDescent="0.15">
      <c r="A58" s="14">
        <v>18</v>
      </c>
      <c r="B58" s="15"/>
      <c r="C58" s="16" t="s">
        <v>2</v>
      </c>
      <c r="D58" s="14">
        <v>48</v>
      </c>
      <c r="E58" s="15"/>
      <c r="F58" s="16" t="s">
        <v>2</v>
      </c>
    </row>
    <row r="59" spans="1:6" ht="22.9" customHeight="1" x14ac:dyDescent="0.15">
      <c r="A59" s="14">
        <v>19</v>
      </c>
      <c r="B59" s="15"/>
      <c r="C59" s="16" t="s">
        <v>2</v>
      </c>
      <c r="D59" s="14">
        <v>49</v>
      </c>
      <c r="E59" s="15"/>
      <c r="F59" s="16" t="s">
        <v>2</v>
      </c>
    </row>
    <row r="60" spans="1:6" s="9" customFormat="1" ht="22.9" customHeight="1" x14ac:dyDescent="0.15">
      <c r="A60" s="25">
        <v>20</v>
      </c>
      <c r="B60" s="26"/>
      <c r="C60" s="27" t="s">
        <v>2</v>
      </c>
      <c r="D60" s="25">
        <v>50</v>
      </c>
      <c r="E60" s="26"/>
      <c r="F60" s="27" t="s">
        <v>2</v>
      </c>
    </row>
    <row r="61" spans="1:6" ht="22.9" customHeight="1" x14ac:dyDescent="0.15">
      <c r="A61" s="29">
        <v>21</v>
      </c>
      <c r="B61" s="11"/>
      <c r="C61" s="12" t="s">
        <v>2</v>
      </c>
      <c r="D61" s="29">
        <v>51</v>
      </c>
      <c r="E61" s="11"/>
      <c r="F61" s="12" t="s">
        <v>2</v>
      </c>
    </row>
    <row r="62" spans="1:6" ht="22.9" customHeight="1" x14ac:dyDescent="0.15">
      <c r="A62" s="14">
        <v>22</v>
      </c>
      <c r="B62" s="15"/>
      <c r="C62" s="16" t="s">
        <v>2</v>
      </c>
      <c r="D62" s="14">
        <v>52</v>
      </c>
      <c r="E62" s="15"/>
      <c r="F62" s="16" t="s">
        <v>2</v>
      </c>
    </row>
    <row r="63" spans="1:6" ht="22.9" customHeight="1" x14ac:dyDescent="0.15">
      <c r="A63" s="14">
        <v>23</v>
      </c>
      <c r="B63" s="15"/>
      <c r="C63" s="16" t="s">
        <v>2</v>
      </c>
      <c r="D63" s="14">
        <v>53</v>
      </c>
      <c r="E63" s="15"/>
      <c r="F63" s="16" t="s">
        <v>2</v>
      </c>
    </row>
    <row r="64" spans="1:6" ht="22.9" customHeight="1" x14ac:dyDescent="0.15">
      <c r="A64" s="14">
        <v>24</v>
      </c>
      <c r="B64" s="15"/>
      <c r="C64" s="16" t="s">
        <v>2</v>
      </c>
      <c r="D64" s="14">
        <v>54</v>
      </c>
      <c r="E64" s="15"/>
      <c r="F64" s="16" t="s">
        <v>2</v>
      </c>
    </row>
    <row r="65" spans="1:6" ht="22.9" customHeight="1" x14ac:dyDescent="0.15">
      <c r="A65" s="18">
        <v>25</v>
      </c>
      <c r="B65" s="19"/>
      <c r="C65" s="20" t="s">
        <v>2</v>
      </c>
      <c r="D65" s="18">
        <v>55</v>
      </c>
      <c r="E65" s="19"/>
      <c r="F65" s="20" t="s">
        <v>2</v>
      </c>
    </row>
    <row r="66" spans="1:6" ht="22.9" customHeight="1" x14ac:dyDescent="0.15">
      <c r="A66" s="10">
        <v>26</v>
      </c>
      <c r="B66" s="22"/>
      <c r="C66" s="23" t="s">
        <v>2</v>
      </c>
      <c r="D66" s="10">
        <v>56</v>
      </c>
      <c r="E66" s="22"/>
      <c r="F66" s="23" t="s">
        <v>2</v>
      </c>
    </row>
    <row r="67" spans="1:6" ht="22.9" customHeight="1" x14ac:dyDescent="0.15">
      <c r="A67" s="14">
        <v>27</v>
      </c>
      <c r="B67" s="15"/>
      <c r="C67" s="16" t="s">
        <v>2</v>
      </c>
      <c r="D67" s="14">
        <v>57</v>
      </c>
      <c r="E67" s="15"/>
      <c r="F67" s="16" t="s">
        <v>2</v>
      </c>
    </row>
    <row r="68" spans="1:6" ht="22.9" customHeight="1" x14ac:dyDescent="0.15">
      <c r="A68" s="14">
        <v>28</v>
      </c>
      <c r="B68" s="15"/>
      <c r="C68" s="16" t="s">
        <v>2</v>
      </c>
      <c r="D68" s="14">
        <v>58</v>
      </c>
      <c r="E68" s="15"/>
      <c r="F68" s="16" t="s">
        <v>2</v>
      </c>
    </row>
    <row r="69" spans="1:6" ht="22.9" customHeight="1" x14ac:dyDescent="0.15">
      <c r="A69" s="14">
        <v>29</v>
      </c>
      <c r="B69" s="15"/>
      <c r="C69" s="16" t="s">
        <v>2</v>
      </c>
      <c r="D69" s="14">
        <v>59</v>
      </c>
      <c r="E69" s="15"/>
      <c r="F69" s="16" t="s">
        <v>2</v>
      </c>
    </row>
    <row r="70" spans="1:6" ht="22.9" customHeight="1" x14ac:dyDescent="0.15">
      <c r="A70" s="18">
        <v>30</v>
      </c>
      <c r="B70" s="19"/>
      <c r="C70" s="20" t="s">
        <v>2</v>
      </c>
      <c r="D70" s="18">
        <v>60</v>
      </c>
      <c r="E70" s="19"/>
      <c r="F70" s="20" t="s">
        <v>2</v>
      </c>
    </row>
    <row r="71" spans="1:6" ht="18.600000000000001" customHeight="1" x14ac:dyDescent="0.15">
      <c r="A71" s="36" t="s">
        <v>1</v>
      </c>
      <c r="B71" s="37"/>
      <c r="C71" s="37"/>
      <c r="D71" s="37"/>
      <c r="E71" s="37"/>
      <c r="F71" s="37"/>
    </row>
    <row r="72" spans="1:6" ht="16.5" x14ac:dyDescent="0.15">
      <c r="A72" s="30"/>
    </row>
  </sheetData>
  <mergeCells count="2">
    <mergeCell ref="A34:F34"/>
    <mergeCell ref="A71:F71"/>
  </mergeCells>
  <phoneticPr fontId="18"/>
  <pageMargins left="0.59055118110236227" right="0.59055118110236227" top="0.59055118110236227" bottom="0.39370078740157483" header="0.51181102362204722" footer="0.51181102362204722"/>
  <pageSetup paperSize="9" orientation="portrait" r:id="rId1"/>
  <rowBreaks count="1" manualBreakCount="1">
    <brk id="37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名簿</vt:lpstr>
      <vt:lpstr>名簿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記載上の注意点</dc:title>
  <dc:creator>富山市役所</dc:creator>
  <cp:lastModifiedBy>松本　優輔</cp:lastModifiedBy>
  <cp:revision>2</cp:revision>
  <cp:lastPrinted>2025-12-15T01:36:59Z</cp:lastPrinted>
  <dcterms:created xsi:type="dcterms:W3CDTF">2019-03-22T02:39:00Z</dcterms:created>
  <dcterms:modified xsi:type="dcterms:W3CDTF">2026-01-16T07:15:0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2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5-01-24T05:09:50Z</vt:filetime>
  </property>
</Properties>
</file>